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6_04消費・教育統計課\小売\14_ホームページ\2026年〈2020年基準〉\2026.5月分〈2020年基準〉\02_消費者物価指数推移\"/>
    </mc:Choice>
  </mc:AlternateContent>
  <xr:revisionPtr revIDLastSave="0" documentId="13_ncr:1_{A7D68CA2-56B0-482F-8492-704639E6AD77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消費者物価指数の推移" sheetId="2" r:id="rId1"/>
  </sheets>
  <definedNames>
    <definedName name="_xlnm.Print_Area" localSheetId="0">消費者物価指数の推移!$A$1:$Y$2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2" uniqueCount="34">
  <si>
    <t>住　居</t>
  </si>
  <si>
    <t>総　合</t>
  </si>
  <si>
    <t>食　料</t>
  </si>
  <si>
    <t>諸雑費</t>
  </si>
  <si>
    <t>教　育</t>
  </si>
  <si>
    <t>全　　　国</t>
  </si>
  <si>
    <t>川崎市</t>
    <rPh sb="0" eb="3">
      <t>カワサキシ</t>
    </rPh>
    <phoneticPr fontId="1"/>
  </si>
  <si>
    <t>　　　　</t>
  </si>
  <si>
    <t>生鮮食品を除く</t>
    <rPh sb="5" eb="6">
      <t>ノゾ</t>
    </rPh>
    <phoneticPr fontId="25"/>
  </si>
  <si>
    <t>年　　月</t>
    <phoneticPr fontId="1"/>
  </si>
  <si>
    <t>月</t>
  </si>
  <si>
    <t>平均</t>
    <rPh sb="0" eb="2">
      <t>ヘイキン</t>
    </rPh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t>消 費 者 物 価 指 数 の 推 移</t>
    <phoneticPr fontId="1"/>
  </si>
  <si>
    <t>（令和2（2020）年＝100基準）</t>
    <rPh sb="1" eb="3">
      <t>レイワ</t>
    </rPh>
    <rPh sb="15" eb="17">
      <t>キジュン</t>
    </rPh>
    <phoneticPr fontId="1"/>
  </si>
  <si>
    <t>―</t>
    <phoneticPr fontId="1"/>
  </si>
  <si>
    <t>前月比
（％）</t>
    <phoneticPr fontId="1"/>
  </si>
  <si>
    <r>
      <t xml:space="preserve">前年
同月比
</t>
    </r>
    <r>
      <rPr>
        <sz val="8"/>
        <rFont val="ＭＳ 明朝"/>
        <family val="1"/>
        <charset val="128"/>
      </rPr>
      <t>(前年比)</t>
    </r>
    <r>
      <rPr>
        <sz val="11"/>
        <rFont val="ＭＳ 明朝"/>
        <family val="1"/>
        <charset val="128"/>
      </rPr>
      <t xml:space="preserve">
（％）</t>
    </r>
    <rPh sb="0" eb="2">
      <t>ゼンネン</t>
    </rPh>
    <phoneticPr fontId="25"/>
  </si>
  <si>
    <t>光　熱
・
水　道</t>
    <rPh sb="6" eb="7">
      <t>スイ</t>
    </rPh>
    <rPh sb="8" eb="9">
      <t>ミチ</t>
    </rPh>
    <phoneticPr fontId="1"/>
  </si>
  <si>
    <t>家　具
・
家事用品</t>
    <rPh sb="6" eb="8">
      <t>カジ</t>
    </rPh>
    <rPh sb="8" eb="10">
      <t>ヨウヒン</t>
    </rPh>
    <phoneticPr fontId="1"/>
  </si>
  <si>
    <t>被服及び
履物</t>
    <rPh sb="5" eb="7">
      <t>ハキモノ</t>
    </rPh>
    <phoneticPr fontId="1"/>
  </si>
  <si>
    <t>保健医療</t>
    <rPh sb="2" eb="4">
      <t>イリョウ</t>
    </rPh>
    <phoneticPr fontId="1"/>
  </si>
  <si>
    <t>交　通
・
通　信</t>
    <rPh sb="6" eb="7">
      <t>ツウ</t>
    </rPh>
    <rPh sb="8" eb="9">
      <t>シン</t>
    </rPh>
    <phoneticPr fontId="1"/>
  </si>
  <si>
    <t>教養娯楽</t>
    <rPh sb="0" eb="2">
      <t>キョウヨウ</t>
    </rPh>
    <rPh sb="2" eb="4">
      <t>ゴラク</t>
    </rPh>
    <phoneticPr fontId="1"/>
  </si>
  <si>
    <t>食料
(酒類を除く)
及び
エネルギー
を除く</t>
    <phoneticPr fontId="1"/>
  </si>
  <si>
    <t>持家の帰属家賃を除く</t>
    <rPh sb="5" eb="7">
      <t>ヤチン</t>
    </rPh>
    <phoneticPr fontId="25"/>
  </si>
  <si>
    <t>前月比
（％）</t>
    <rPh sb="2" eb="3">
      <t>ヒ</t>
    </rPh>
    <phoneticPr fontId="25"/>
  </si>
  <si>
    <r>
      <t xml:space="preserve">前年
同月比
</t>
    </r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 xml:space="preserve">
（％）</t>
    </r>
    <rPh sb="3" eb="5">
      <t>ドウゲツ</t>
    </rPh>
    <rPh sb="5" eb="6">
      <t>ヒ</t>
    </rPh>
    <phoneticPr fontId="25"/>
  </si>
  <si>
    <t>総　合</t>
    <rPh sb="0" eb="1">
      <t>ソウ</t>
    </rPh>
    <rPh sb="2" eb="3">
      <t>ゴウ</t>
    </rPh>
    <phoneticPr fontId="1"/>
  </si>
  <si>
    <t>2025年</t>
    <rPh sb="4" eb="5">
      <t>ネン</t>
    </rPh>
    <phoneticPr fontId="1"/>
  </si>
  <si>
    <t>2026年</t>
    <phoneticPr fontId="1"/>
  </si>
  <si>
    <t>2025年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.0_ "/>
    <numFmt numFmtId="177" formatCode="#,##0;&quot;¥&quot;\!\-#,##0;&quot;-&quot;"/>
    <numFmt numFmtId="178" formatCode="0_ "/>
  </numFmts>
  <fonts count="2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6"/>
      <name val="ＭＳ Ｐ明朝"/>
      <family val="1"/>
      <charset val="128"/>
    </font>
    <font>
      <sz val="8"/>
      <name val="ＭＳ 明朝"/>
      <family val="1"/>
      <charset val="128"/>
    </font>
    <font>
      <sz val="8.5"/>
      <name val="ＭＳ 明朝"/>
      <family val="1"/>
      <charset val="128"/>
    </font>
    <font>
      <sz val="8.5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0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4" fillId="0" borderId="0"/>
    <xf numFmtId="0" fontId="4" fillId="0" borderId="0"/>
    <xf numFmtId="177" fontId="18" fillId="0" borderId="0" applyFill="0" applyBorder="0" applyAlignment="0"/>
    <xf numFmtId="0" fontId="19" fillId="0" borderId="0">
      <alignment horizontal="left"/>
    </xf>
    <xf numFmtId="0" fontId="20" fillId="0" borderId="5" applyNumberFormat="0" applyAlignment="0" applyProtection="0">
      <alignment horizontal="left" vertical="center"/>
    </xf>
    <xf numFmtId="0" fontId="20" fillId="0" borderId="25">
      <alignment horizontal="left" vertical="center"/>
    </xf>
    <xf numFmtId="0" fontId="21" fillId="0" borderId="0"/>
    <xf numFmtId="4" fontId="19" fillId="0" borderId="0">
      <alignment horizontal="right"/>
    </xf>
    <xf numFmtId="4" fontId="22" fillId="0" borderId="0">
      <alignment horizontal="right"/>
    </xf>
    <xf numFmtId="0" fontId="23" fillId="0" borderId="0">
      <alignment horizontal="left"/>
    </xf>
    <xf numFmtId="0" fontId="24" fillId="0" borderId="0">
      <alignment horizontal="center"/>
    </xf>
  </cellStyleXfs>
  <cellXfs count="162">
    <xf numFmtId="0" fontId="0" fillId="0" borderId="0" xfId="0">
      <alignment vertical="center"/>
    </xf>
    <xf numFmtId="0" fontId="0" fillId="0" borderId="0" xfId="0" applyBorder="1">
      <alignment vertical="center"/>
    </xf>
    <xf numFmtId="0" fontId="5" fillId="0" borderId="0" xfId="1" applyFont="1" applyBorder="1"/>
    <xf numFmtId="0" fontId="4" fillId="0" borderId="9" xfId="1" applyFont="1" applyFill="1" applyBorder="1" applyAlignment="1">
      <alignment horizontal="center" vertical="center"/>
    </xf>
    <xf numFmtId="0" fontId="5" fillId="0" borderId="15" xfId="1" applyFont="1" applyFill="1" applyBorder="1" applyAlignment="1">
      <alignment horizontal="centerContinuous"/>
    </xf>
    <xf numFmtId="0" fontId="5" fillId="0" borderId="16" xfId="1" applyFont="1" applyFill="1" applyBorder="1" applyAlignment="1">
      <alignment horizontal="centerContinuous"/>
    </xf>
    <xf numFmtId="0" fontId="4" fillId="0" borderId="17" xfId="1" applyFont="1" applyFill="1" applyBorder="1" applyAlignment="1">
      <alignment horizontal="centerContinuous" vertical="center"/>
    </xf>
    <xf numFmtId="0" fontId="11" fillId="0" borderId="0" xfId="1" applyFont="1" applyBorder="1"/>
    <xf numFmtId="0" fontId="4" fillId="0" borderId="0" xfId="2"/>
    <xf numFmtId="0" fontId="12" fillId="0" borderId="0" xfId="1" applyFont="1" applyBorder="1" applyAlignment="1">
      <alignment horizontal="left"/>
    </xf>
    <xf numFmtId="0" fontId="10" fillId="0" borderId="0" xfId="1" applyFont="1" applyBorder="1" applyAlignment="1">
      <alignment horizontal="left"/>
    </xf>
    <xf numFmtId="0" fontId="13" fillId="0" borderId="0" xfId="1" applyFont="1" applyBorder="1" applyAlignment="1">
      <alignment horizontal="left"/>
    </xf>
    <xf numFmtId="0" fontId="4" fillId="0" borderId="0" xfId="1" applyFont="1" applyBorder="1" applyAlignment="1">
      <alignment horizontal="left"/>
    </xf>
    <xf numFmtId="0" fontId="14" fillId="0" borderId="0" xfId="1" applyFont="1" applyBorder="1" applyAlignment="1"/>
    <xf numFmtId="0" fontId="15" fillId="0" borderId="0" xfId="1" applyFont="1" applyBorder="1"/>
    <xf numFmtId="0" fontId="16" fillId="0" borderId="0" xfId="2" applyFont="1"/>
    <xf numFmtId="0" fontId="17" fillId="0" borderId="0" xfId="1" applyFont="1" applyBorder="1" applyAlignment="1"/>
    <xf numFmtId="0" fontId="8" fillId="0" borderId="39" xfId="2" applyFont="1" applyBorder="1" applyAlignment="1">
      <alignment horizontal="center" vertical="center"/>
    </xf>
    <xf numFmtId="176" fontId="8" fillId="0" borderId="29" xfId="1" applyNumberFormat="1" applyFont="1" applyFill="1" applyBorder="1" applyAlignment="1">
      <alignment horizontal="center" vertical="center"/>
    </xf>
    <xf numFmtId="176" fontId="8" fillId="0" borderId="27" xfId="1" applyNumberFormat="1" applyFont="1" applyFill="1" applyBorder="1" applyAlignment="1">
      <alignment horizontal="center" vertical="center"/>
    </xf>
    <xf numFmtId="176" fontId="8" fillId="0" borderId="30" xfId="1" applyNumberFormat="1" applyFont="1" applyFill="1" applyBorder="1" applyAlignment="1">
      <alignment horizontal="center" vertical="center"/>
    </xf>
    <xf numFmtId="176" fontId="8" fillId="0" borderId="31" xfId="1" applyNumberFormat="1" applyFont="1" applyFill="1" applyBorder="1" applyAlignment="1">
      <alignment horizontal="center" vertical="center"/>
    </xf>
    <xf numFmtId="176" fontId="8" fillId="0" borderId="5" xfId="1" applyNumberFormat="1" applyFont="1" applyFill="1" applyBorder="1" applyAlignment="1">
      <alignment horizontal="center" vertical="center"/>
    </xf>
    <xf numFmtId="176" fontId="8" fillId="0" borderId="32" xfId="1" applyNumberFormat="1" applyFont="1" applyFill="1" applyBorder="1" applyAlignment="1">
      <alignment horizontal="center" vertical="center"/>
    </xf>
    <xf numFmtId="176" fontId="8" fillId="0" borderId="9" xfId="3" quotePrefix="1" applyNumberFormat="1" applyFont="1" applyBorder="1" applyAlignment="1">
      <alignment horizontal="center" vertical="center"/>
    </xf>
    <xf numFmtId="176" fontId="8" fillId="0" borderId="33" xfId="1" applyNumberFormat="1" applyFont="1" applyFill="1" applyBorder="1" applyAlignment="1">
      <alignment horizontal="center" vertical="center"/>
    </xf>
    <xf numFmtId="176" fontId="8" fillId="0" borderId="7" xfId="3" quotePrefix="1" applyNumberFormat="1" applyFont="1" applyBorder="1" applyAlignment="1">
      <alignment horizontal="center" vertical="center"/>
    </xf>
    <xf numFmtId="176" fontId="8" fillId="0" borderId="38" xfId="3" quotePrefix="1" applyNumberFormat="1" applyFont="1" applyBorder="1" applyAlignment="1">
      <alignment horizontal="center" vertical="center"/>
    </xf>
    <xf numFmtId="176" fontId="8" fillId="0" borderId="34" xfId="1" applyNumberFormat="1" applyFont="1" applyFill="1" applyBorder="1" applyAlignment="1">
      <alignment horizontal="center" vertical="center"/>
    </xf>
    <xf numFmtId="176" fontId="8" fillId="0" borderId="30" xfId="1" applyNumberFormat="1" applyFont="1" applyFill="1" applyBorder="1" applyAlignment="1">
      <alignment horizontal="center" vertical="center" shrinkToFit="1"/>
    </xf>
    <xf numFmtId="0" fontId="9" fillId="0" borderId="11" xfId="1" applyFont="1" applyBorder="1" applyAlignment="1">
      <alignment horizontal="right"/>
    </xf>
    <xf numFmtId="0" fontId="4" fillId="0" borderId="35" xfId="2" applyFont="1" applyFill="1" applyBorder="1" applyAlignment="1">
      <alignment horizontal="center" vertical="center"/>
    </xf>
    <xf numFmtId="0" fontId="3" fillId="0" borderId="0" xfId="1" applyFont="1" applyBorder="1" applyAlignment="1">
      <alignment vertical="center"/>
    </xf>
    <xf numFmtId="176" fontId="8" fillId="0" borderId="50" xfId="3" quotePrefix="1" applyNumberFormat="1" applyFont="1" applyBorder="1" applyAlignment="1">
      <alignment horizontal="center" vertical="center"/>
    </xf>
    <xf numFmtId="176" fontId="8" fillId="0" borderId="51" xfId="3" quotePrefix="1" applyNumberFormat="1" applyFont="1" applyBorder="1" applyAlignment="1">
      <alignment horizontal="center" vertical="center"/>
    </xf>
    <xf numFmtId="176" fontId="8" fillId="0" borderId="52" xfId="3" quotePrefix="1" applyNumberFormat="1" applyFont="1" applyBorder="1" applyAlignment="1">
      <alignment horizontal="center" vertical="center"/>
    </xf>
    <xf numFmtId="176" fontId="7" fillId="0" borderId="51" xfId="0" applyNumberFormat="1" applyFont="1" applyFill="1" applyBorder="1" applyAlignment="1">
      <alignment horizontal="center" vertical="center"/>
    </xf>
    <xf numFmtId="0" fontId="8" fillId="0" borderId="49" xfId="2" applyFont="1" applyBorder="1" applyAlignment="1">
      <alignment horizontal="center" vertical="center"/>
    </xf>
    <xf numFmtId="178" fontId="8" fillId="0" borderId="54" xfId="2" applyNumberFormat="1" applyFont="1" applyBorder="1" applyAlignment="1">
      <alignment horizontal="center" vertical="center"/>
    </xf>
    <xf numFmtId="0" fontId="8" fillId="0" borderId="55" xfId="2" applyFont="1" applyBorder="1" applyAlignment="1">
      <alignment horizontal="center" vertical="center"/>
    </xf>
    <xf numFmtId="176" fontId="8" fillId="0" borderId="53" xfId="3" quotePrefix="1" applyNumberFormat="1" applyFont="1" applyBorder="1" applyAlignment="1">
      <alignment horizontal="center" vertical="center"/>
    </xf>
    <xf numFmtId="0" fontId="8" fillId="0" borderId="12" xfId="2" applyFont="1" applyBorder="1" applyAlignment="1">
      <alignment horizontal="center" vertical="center"/>
    </xf>
    <xf numFmtId="178" fontId="8" fillId="0" borderId="11" xfId="2" applyNumberFormat="1" applyFont="1" applyBorder="1" applyAlignment="1">
      <alignment horizontal="center" vertical="center"/>
    </xf>
    <xf numFmtId="0" fontId="8" fillId="0" borderId="41" xfId="2" applyFont="1" applyBorder="1" applyAlignment="1">
      <alignment horizontal="center" vertical="center"/>
    </xf>
    <xf numFmtId="176" fontId="8" fillId="0" borderId="10" xfId="3" quotePrefix="1" applyNumberFormat="1" applyFont="1" applyBorder="1" applyAlignment="1">
      <alignment horizontal="center" vertical="center"/>
    </xf>
    <xf numFmtId="176" fontId="8" fillId="0" borderId="6" xfId="3" quotePrefix="1" applyNumberFormat="1" applyFont="1" applyBorder="1" applyAlignment="1">
      <alignment horizontal="center" vertical="center"/>
    </xf>
    <xf numFmtId="176" fontId="8" fillId="0" borderId="56" xfId="3" quotePrefix="1" applyNumberFormat="1" applyFont="1" applyBorder="1" applyAlignment="1">
      <alignment horizontal="center" vertical="center"/>
    </xf>
    <xf numFmtId="176" fontId="7" fillId="0" borderId="7" xfId="0" applyNumberFormat="1" applyFont="1" applyFill="1" applyBorder="1" applyAlignment="1">
      <alignment horizontal="center" vertical="center"/>
    </xf>
    <xf numFmtId="0" fontId="4" fillId="0" borderId="7" xfId="1" applyFont="1" applyFill="1" applyBorder="1" applyAlignment="1">
      <alignment horizontal="center" vertical="center"/>
    </xf>
    <xf numFmtId="0" fontId="4" fillId="0" borderId="8" xfId="1" applyFont="1" applyFill="1" applyBorder="1" applyAlignment="1">
      <alignment horizontal="center" vertical="center"/>
    </xf>
    <xf numFmtId="176" fontId="8" fillId="0" borderId="8" xfId="3" quotePrefix="1" applyNumberFormat="1" applyFont="1" applyBorder="1" applyAlignment="1">
      <alignment horizontal="center" vertical="center"/>
    </xf>
    <xf numFmtId="176" fontId="8" fillId="0" borderId="8" xfId="2" applyNumberFormat="1" applyFont="1" applyBorder="1" applyAlignment="1">
      <alignment horizontal="center" vertical="center"/>
    </xf>
    <xf numFmtId="176" fontId="7" fillId="0" borderId="6" xfId="0" applyNumberFormat="1" applyFont="1" applyFill="1" applyBorder="1" applyAlignment="1">
      <alignment horizontal="center" vertical="center"/>
    </xf>
    <xf numFmtId="176" fontId="8" fillId="0" borderId="57" xfId="3" quotePrefix="1" applyNumberFormat="1" applyFont="1" applyBorder="1" applyAlignment="1">
      <alignment horizontal="center" vertical="center"/>
    </xf>
    <xf numFmtId="176" fontId="8" fillId="0" borderId="58" xfId="3" quotePrefix="1" applyNumberFormat="1" applyFont="1" applyBorder="1" applyAlignment="1">
      <alignment horizontal="center" vertical="center"/>
    </xf>
    <xf numFmtId="176" fontId="8" fillId="0" borderId="58" xfId="2" applyNumberFormat="1" applyFont="1" applyBorder="1" applyAlignment="1">
      <alignment horizontal="center" vertical="center"/>
    </xf>
    <xf numFmtId="176" fontId="7" fillId="0" borderId="53" xfId="0" applyNumberFormat="1" applyFont="1" applyFill="1" applyBorder="1" applyAlignment="1">
      <alignment horizontal="center" vertical="center"/>
    </xf>
    <xf numFmtId="0" fontId="8" fillId="0" borderId="59" xfId="2" applyFont="1" applyBorder="1" applyAlignment="1">
      <alignment horizontal="center" vertical="center"/>
    </xf>
    <xf numFmtId="178" fontId="8" fillId="0" borderId="60" xfId="2" applyNumberFormat="1" applyFont="1" applyBorder="1" applyAlignment="1">
      <alignment horizontal="center" vertical="center"/>
    </xf>
    <xf numFmtId="0" fontId="8" fillId="0" borderId="61" xfId="2" applyFont="1" applyBorder="1" applyAlignment="1">
      <alignment horizontal="center" vertical="center"/>
    </xf>
    <xf numFmtId="176" fontId="8" fillId="0" borderId="62" xfId="3" quotePrefix="1" applyNumberFormat="1" applyFont="1" applyBorder="1" applyAlignment="1">
      <alignment horizontal="center" vertical="center"/>
    </xf>
    <xf numFmtId="176" fontId="8" fillId="0" borderId="60" xfId="3" quotePrefix="1" applyNumberFormat="1" applyFont="1" applyBorder="1" applyAlignment="1">
      <alignment horizontal="center" vertical="center"/>
    </xf>
    <xf numFmtId="176" fontId="8" fillId="0" borderId="63" xfId="3" quotePrefix="1" applyNumberFormat="1" applyFont="1" applyBorder="1" applyAlignment="1">
      <alignment horizontal="center" vertical="center"/>
    </xf>
    <xf numFmtId="176" fontId="8" fillId="0" borderId="59" xfId="3" quotePrefix="1" applyNumberFormat="1" applyFont="1" applyBorder="1" applyAlignment="1">
      <alignment horizontal="center" vertical="center"/>
    </xf>
    <xf numFmtId="176" fontId="8" fillId="0" borderId="64" xfId="3" quotePrefix="1" applyNumberFormat="1" applyFont="1" applyBorder="1" applyAlignment="1">
      <alignment horizontal="center" vertical="center"/>
    </xf>
    <xf numFmtId="176" fontId="8" fillId="0" borderId="65" xfId="3" quotePrefix="1" applyNumberFormat="1" applyFont="1" applyBorder="1" applyAlignment="1">
      <alignment horizontal="center" vertical="center"/>
    </xf>
    <xf numFmtId="176" fontId="8" fillId="0" borderId="66" xfId="3" quotePrefix="1" applyNumberFormat="1" applyFont="1" applyBorder="1" applyAlignment="1">
      <alignment horizontal="center" vertical="center"/>
    </xf>
    <xf numFmtId="176" fontId="8" fillId="0" borderId="67" xfId="3" quotePrefix="1" applyNumberFormat="1" applyFont="1" applyBorder="1" applyAlignment="1">
      <alignment horizontal="center" vertical="center"/>
    </xf>
    <xf numFmtId="176" fontId="8" fillId="0" borderId="67" xfId="2" applyNumberFormat="1" applyFont="1" applyBorder="1" applyAlignment="1">
      <alignment horizontal="center" vertical="center"/>
    </xf>
    <xf numFmtId="176" fontId="7" fillId="0" borderId="65" xfId="0" applyNumberFormat="1" applyFont="1" applyFill="1" applyBorder="1" applyAlignment="1">
      <alignment horizontal="center" vertical="center"/>
    </xf>
    <xf numFmtId="176" fontId="7" fillId="0" borderId="61" xfId="0" applyNumberFormat="1" applyFont="1" applyFill="1" applyBorder="1" applyAlignment="1">
      <alignment horizontal="center" vertical="center"/>
    </xf>
    <xf numFmtId="0" fontId="8" fillId="0" borderId="68" xfId="2" applyFont="1" applyBorder="1" applyAlignment="1">
      <alignment horizontal="center" vertical="center"/>
    </xf>
    <xf numFmtId="178" fontId="8" fillId="0" borderId="69" xfId="2" applyNumberFormat="1" applyFont="1" applyBorder="1" applyAlignment="1">
      <alignment horizontal="center" vertical="center"/>
    </xf>
    <xf numFmtId="0" fontId="8" fillId="0" borderId="70" xfId="2" applyFont="1" applyBorder="1" applyAlignment="1">
      <alignment horizontal="center" vertical="center"/>
    </xf>
    <xf numFmtId="176" fontId="8" fillId="0" borderId="71" xfId="3" quotePrefix="1" applyNumberFormat="1" applyFont="1" applyBorder="1" applyAlignment="1">
      <alignment horizontal="center" vertical="center"/>
    </xf>
    <xf numFmtId="176" fontId="8" fillId="0" borderId="69" xfId="3" quotePrefix="1" applyNumberFormat="1" applyFont="1" applyBorder="1" applyAlignment="1">
      <alignment horizontal="center" vertical="center"/>
    </xf>
    <xf numFmtId="176" fontId="8" fillId="0" borderId="72" xfId="3" quotePrefix="1" applyNumberFormat="1" applyFont="1" applyBorder="1" applyAlignment="1">
      <alignment horizontal="center" vertical="center"/>
    </xf>
    <xf numFmtId="176" fontId="8" fillId="0" borderId="68" xfId="3" quotePrefix="1" applyNumberFormat="1" applyFont="1" applyBorder="1" applyAlignment="1">
      <alignment horizontal="center" vertical="center"/>
    </xf>
    <xf numFmtId="176" fontId="8" fillId="0" borderId="73" xfId="3" quotePrefix="1" applyNumberFormat="1" applyFont="1" applyBorder="1" applyAlignment="1">
      <alignment horizontal="center" vertical="center"/>
    </xf>
    <xf numFmtId="176" fontId="8" fillId="0" borderId="74" xfId="3" quotePrefix="1" applyNumberFormat="1" applyFont="1" applyBorder="1" applyAlignment="1">
      <alignment horizontal="center" vertical="center"/>
    </xf>
    <xf numFmtId="176" fontId="8" fillId="0" borderId="75" xfId="3" quotePrefix="1" applyNumberFormat="1" applyFont="1" applyBorder="1" applyAlignment="1">
      <alignment horizontal="center" vertical="center"/>
    </xf>
    <xf numFmtId="176" fontId="8" fillId="0" borderId="76" xfId="3" quotePrefix="1" applyNumberFormat="1" applyFont="1" applyBorder="1" applyAlignment="1">
      <alignment horizontal="center" vertical="center"/>
    </xf>
    <xf numFmtId="176" fontId="8" fillId="0" borderId="76" xfId="2" applyNumberFormat="1" applyFont="1" applyBorder="1" applyAlignment="1">
      <alignment horizontal="center" vertical="center"/>
    </xf>
    <xf numFmtId="176" fontId="7" fillId="0" borderId="74" xfId="0" applyNumberFormat="1" applyFont="1" applyFill="1" applyBorder="1" applyAlignment="1">
      <alignment horizontal="center" vertical="center"/>
    </xf>
    <xf numFmtId="176" fontId="7" fillId="0" borderId="70" xfId="0" applyNumberFormat="1" applyFont="1" applyFill="1" applyBorder="1" applyAlignment="1">
      <alignment horizontal="center" vertical="center"/>
    </xf>
    <xf numFmtId="0" fontId="0" fillId="0" borderId="69" xfId="0" applyBorder="1">
      <alignment vertical="center"/>
    </xf>
    <xf numFmtId="176" fontId="8" fillId="0" borderId="54" xfId="3" quotePrefix="1" applyNumberFormat="1" applyFont="1" applyBorder="1" applyAlignment="1">
      <alignment horizontal="center" vertical="center"/>
    </xf>
    <xf numFmtId="176" fontId="8" fillId="0" borderId="49" xfId="3" quotePrefix="1" applyNumberFormat="1" applyFont="1" applyBorder="1" applyAlignment="1">
      <alignment horizontal="center" vertical="center"/>
    </xf>
    <xf numFmtId="176" fontId="8" fillId="0" borderId="77" xfId="3" quotePrefix="1" applyNumberFormat="1" applyFont="1" applyBorder="1" applyAlignment="1">
      <alignment horizontal="center" vertical="center"/>
    </xf>
    <xf numFmtId="176" fontId="8" fillId="0" borderId="78" xfId="3" quotePrefix="1" applyNumberFormat="1" applyFont="1" applyBorder="1" applyAlignment="1">
      <alignment horizontal="center" vertical="center"/>
    </xf>
    <xf numFmtId="176" fontId="8" fillId="0" borderId="78" xfId="2" applyNumberFormat="1" applyFont="1" applyBorder="1" applyAlignment="1">
      <alignment horizontal="center" vertical="center"/>
    </xf>
    <xf numFmtId="176" fontId="7" fillId="0" borderId="55" xfId="0" applyNumberFormat="1" applyFont="1" applyFill="1" applyBorder="1" applyAlignment="1">
      <alignment horizontal="center" vertical="center"/>
    </xf>
    <xf numFmtId="0" fontId="8" fillId="0" borderId="5" xfId="1" applyFont="1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27" fillId="0" borderId="21" xfId="1" applyFont="1" applyFill="1" applyBorder="1" applyAlignment="1">
      <alignment horizontal="center" vertical="center" wrapText="1"/>
    </xf>
    <xf numFmtId="0" fontId="28" fillId="0" borderId="37" xfId="0" applyFont="1" applyBorder="1" applyAlignment="1">
      <alignment horizontal="center" vertical="center"/>
    </xf>
    <xf numFmtId="0" fontId="27" fillId="0" borderId="23" xfId="1" applyFont="1" applyFill="1" applyBorder="1" applyAlignment="1">
      <alignment horizontal="center" vertical="center" wrapText="1"/>
    </xf>
    <xf numFmtId="0" fontId="28" fillId="0" borderId="36" xfId="0" applyFont="1" applyBorder="1" applyAlignment="1">
      <alignment horizontal="center" vertical="center"/>
    </xf>
    <xf numFmtId="0" fontId="4" fillId="0" borderId="21" xfId="1" applyFont="1" applyFill="1" applyBorder="1" applyAlignment="1">
      <alignment horizontal="center" vertical="center" wrapText="1"/>
    </xf>
    <xf numFmtId="0" fontId="4" fillId="0" borderId="3" xfId="1" applyFont="1" applyFill="1" applyBorder="1" applyAlignment="1">
      <alignment horizontal="center" vertical="center" wrapText="1"/>
    </xf>
    <xf numFmtId="0" fontId="4" fillId="0" borderId="7" xfId="1" applyFont="1" applyFill="1" applyBorder="1" applyAlignment="1">
      <alignment horizontal="center" vertical="center" wrapText="1"/>
    </xf>
    <xf numFmtId="0" fontId="6" fillId="0" borderId="20" xfId="1" applyFont="1" applyFill="1" applyBorder="1" applyAlignment="1">
      <alignment horizontal="center" vertical="center"/>
    </xf>
    <xf numFmtId="0" fontId="6" fillId="0" borderId="18" xfId="1" applyFont="1" applyFill="1" applyBorder="1" applyAlignment="1">
      <alignment horizontal="center" vertical="center"/>
    </xf>
    <xf numFmtId="0" fontId="6" fillId="0" borderId="14" xfId="1" applyFont="1" applyFill="1" applyBorder="1" applyAlignment="1">
      <alignment horizontal="center" vertical="center"/>
    </xf>
    <xf numFmtId="0" fontId="6" fillId="0" borderId="13" xfId="1" applyFont="1" applyFill="1" applyBorder="1" applyAlignment="1">
      <alignment horizontal="center" vertical="center"/>
    </xf>
    <xf numFmtId="0" fontId="3" fillId="0" borderId="24" xfId="1" applyFont="1" applyBorder="1" applyAlignment="1">
      <alignment horizontal="center" vertical="center"/>
    </xf>
    <xf numFmtId="0" fontId="3" fillId="0" borderId="19" xfId="1" applyFont="1" applyBorder="1" applyAlignment="1">
      <alignment horizontal="center" vertical="center"/>
    </xf>
    <xf numFmtId="0" fontId="3" fillId="0" borderId="42" xfId="1" applyFont="1" applyBorder="1" applyAlignment="1">
      <alignment horizontal="center" vertical="center"/>
    </xf>
    <xf numFmtId="0" fontId="3" fillId="0" borderId="1" xfId="1" applyFont="1" applyBorder="1" applyAlignment="1">
      <alignment horizontal="center" vertical="center"/>
    </xf>
    <xf numFmtId="0" fontId="3" fillId="0" borderId="0" xfId="1" applyFont="1" applyBorder="1" applyAlignment="1">
      <alignment horizontal="center" vertical="center"/>
    </xf>
    <xf numFmtId="0" fontId="3" fillId="0" borderId="40" xfId="1" applyFont="1" applyBorder="1" applyAlignment="1">
      <alignment horizontal="center" vertical="center"/>
    </xf>
    <xf numFmtId="0" fontId="3" fillId="0" borderId="12" xfId="1" applyFont="1" applyBorder="1" applyAlignment="1">
      <alignment horizontal="center" vertical="center"/>
    </xf>
    <xf numFmtId="0" fontId="3" fillId="0" borderId="11" xfId="1" applyFont="1" applyBorder="1" applyAlignment="1">
      <alignment horizontal="center" vertical="center"/>
    </xf>
    <xf numFmtId="0" fontId="3" fillId="0" borderId="41" xfId="1" applyFont="1" applyBorder="1" applyAlignment="1">
      <alignment horizontal="center" vertical="center"/>
    </xf>
    <xf numFmtId="0" fontId="4" fillId="0" borderId="22" xfId="1" applyFont="1" applyFill="1" applyBorder="1" applyAlignment="1">
      <alignment horizontal="center" vertical="center"/>
    </xf>
    <xf numFmtId="0" fontId="4" fillId="0" borderId="4" xfId="1" applyFont="1" applyFill="1" applyBorder="1" applyAlignment="1">
      <alignment horizontal="center" vertical="center"/>
    </xf>
    <xf numFmtId="0" fontId="4" fillId="0" borderId="10" xfId="1" applyFont="1" applyFill="1" applyBorder="1" applyAlignment="1">
      <alignment horizontal="center" vertical="center"/>
    </xf>
    <xf numFmtId="0" fontId="4" fillId="0" borderId="26" xfId="1" applyFont="1" applyFill="1" applyBorder="1" applyAlignment="1">
      <alignment horizontal="center" vertical="center" wrapText="1" shrinkToFit="1"/>
    </xf>
    <xf numFmtId="0" fontId="4" fillId="0" borderId="2" xfId="1" applyFont="1" applyFill="1" applyBorder="1" applyAlignment="1">
      <alignment horizontal="center" vertical="center" wrapText="1" shrinkToFit="1"/>
    </xf>
    <xf numFmtId="0" fontId="4" fillId="0" borderId="6" xfId="1" applyFont="1" applyFill="1" applyBorder="1" applyAlignment="1">
      <alignment horizontal="center" vertical="center" wrapText="1" shrinkToFit="1"/>
    </xf>
    <xf numFmtId="0" fontId="4" fillId="0" borderId="21" xfId="1" applyFont="1" applyFill="1" applyBorder="1" applyAlignment="1">
      <alignment horizontal="center" vertical="center"/>
    </xf>
    <xf numFmtId="0" fontId="4" fillId="0" borderId="3" xfId="1" applyFont="1" applyFill="1" applyBorder="1" applyAlignment="1">
      <alignment horizontal="center" vertical="center"/>
    </xf>
    <xf numFmtId="0" fontId="4" fillId="0" borderId="7" xfId="1" applyFont="1" applyFill="1" applyBorder="1" applyAlignment="1">
      <alignment horizontal="center" vertical="center"/>
    </xf>
    <xf numFmtId="0" fontId="6" fillId="0" borderId="23" xfId="1" applyFont="1" applyFill="1" applyBorder="1" applyAlignment="1">
      <alignment horizontal="center" vertical="center"/>
    </xf>
    <xf numFmtId="0" fontId="6" fillId="0" borderId="36" xfId="1" applyFont="1" applyFill="1" applyBorder="1" applyAlignment="1">
      <alignment horizontal="center" vertical="center"/>
    </xf>
    <xf numFmtId="0" fontId="4" fillId="0" borderId="45" xfId="1" applyFont="1" applyFill="1" applyBorder="1" applyAlignment="1">
      <alignment horizontal="center" vertical="center"/>
    </xf>
    <xf numFmtId="0" fontId="4" fillId="0" borderId="8" xfId="1" applyFont="1" applyFill="1" applyBorder="1" applyAlignment="1">
      <alignment horizontal="center" vertical="center"/>
    </xf>
    <xf numFmtId="0" fontId="5" fillId="0" borderId="46" xfId="1" applyFont="1" applyFill="1" applyBorder="1" applyAlignment="1">
      <alignment horizontal="center" vertical="center" wrapText="1"/>
    </xf>
    <xf numFmtId="0" fontId="5" fillId="0" borderId="7" xfId="1" applyFont="1" applyFill="1" applyBorder="1" applyAlignment="1">
      <alignment horizontal="center" vertical="center" wrapText="1"/>
    </xf>
    <xf numFmtId="0" fontId="5" fillId="0" borderId="47" xfId="1" applyFont="1" applyFill="1" applyBorder="1" applyAlignment="1">
      <alignment horizontal="center" vertical="center" wrapText="1" shrinkToFit="1"/>
    </xf>
    <xf numFmtId="0" fontId="5" fillId="0" borderId="6" xfId="1" applyFont="1" applyFill="1" applyBorder="1" applyAlignment="1">
      <alignment horizontal="center" vertical="center" wrapText="1" shrinkToFit="1"/>
    </xf>
    <xf numFmtId="0" fontId="4" fillId="0" borderId="43" xfId="1" applyFont="1" applyFill="1" applyBorder="1" applyAlignment="1">
      <alignment horizontal="center" vertical="center"/>
    </xf>
    <xf numFmtId="0" fontId="4" fillId="0" borderId="44" xfId="1" applyFont="1" applyFill="1" applyBorder="1" applyAlignment="1">
      <alignment horizontal="center" vertical="center"/>
    </xf>
    <xf numFmtId="0" fontId="4" fillId="0" borderId="48" xfId="1" applyFont="1" applyFill="1" applyBorder="1" applyAlignment="1">
      <alignment horizontal="center" vertical="center"/>
    </xf>
    <xf numFmtId="0" fontId="8" fillId="0" borderId="1" xfId="2" applyFont="1" applyBorder="1" applyAlignment="1">
      <alignment horizontal="center" vertical="center"/>
    </xf>
    <xf numFmtId="178" fontId="8" fillId="0" borderId="0" xfId="2" applyNumberFormat="1" applyFont="1" applyBorder="1" applyAlignment="1">
      <alignment horizontal="center" vertical="center"/>
    </xf>
    <xf numFmtId="0" fontId="8" fillId="0" borderId="40" xfId="2" applyFont="1" applyBorder="1" applyAlignment="1">
      <alignment horizontal="center" vertical="center"/>
    </xf>
    <xf numFmtId="176" fontId="8" fillId="0" borderId="4" xfId="3" quotePrefix="1" applyNumberFormat="1" applyFont="1" applyBorder="1" applyAlignment="1">
      <alignment horizontal="center" vertical="center"/>
    </xf>
    <xf numFmtId="176" fontId="8" fillId="0" borderId="0" xfId="3" quotePrefix="1" applyNumberFormat="1" applyFont="1" applyBorder="1" applyAlignment="1">
      <alignment horizontal="center" vertical="center"/>
    </xf>
    <xf numFmtId="176" fontId="8" fillId="0" borderId="2" xfId="3" quotePrefix="1" applyNumberFormat="1" applyFont="1" applyBorder="1" applyAlignment="1">
      <alignment horizontal="center" vertical="center"/>
    </xf>
    <xf numFmtId="176" fontId="8" fillId="0" borderId="1" xfId="3" quotePrefix="1" applyNumberFormat="1" applyFont="1" applyBorder="1" applyAlignment="1">
      <alignment horizontal="center" vertical="center"/>
    </xf>
    <xf numFmtId="176" fontId="8" fillId="0" borderId="79" xfId="3" quotePrefix="1" applyNumberFormat="1" applyFont="1" applyBorder="1" applyAlignment="1">
      <alignment horizontal="center" vertical="center"/>
    </xf>
    <xf numFmtId="176" fontId="8" fillId="0" borderId="3" xfId="3" quotePrefix="1" applyNumberFormat="1" applyFont="1" applyBorder="1" applyAlignment="1">
      <alignment horizontal="center" vertical="center"/>
    </xf>
    <xf numFmtId="176" fontId="8" fillId="0" borderId="44" xfId="3" quotePrefix="1" applyNumberFormat="1" applyFont="1" applyBorder="1" applyAlignment="1">
      <alignment horizontal="center" vertical="center"/>
    </xf>
    <xf numFmtId="176" fontId="8" fillId="0" borderId="80" xfId="3" quotePrefix="1" applyNumberFormat="1" applyFont="1" applyBorder="1" applyAlignment="1">
      <alignment horizontal="center" vertical="center"/>
    </xf>
    <xf numFmtId="176" fontId="8" fillId="0" borderId="80" xfId="2" applyNumberFormat="1" applyFont="1" applyBorder="1" applyAlignment="1">
      <alignment horizontal="center" vertical="center"/>
    </xf>
    <xf numFmtId="176" fontId="7" fillId="0" borderId="3" xfId="0" applyNumberFormat="1" applyFont="1" applyFill="1" applyBorder="1" applyAlignment="1">
      <alignment horizontal="center" vertical="center"/>
    </xf>
    <xf numFmtId="176" fontId="7" fillId="0" borderId="40" xfId="0" applyNumberFormat="1" applyFont="1" applyFill="1" applyBorder="1" applyAlignment="1">
      <alignment horizontal="center" vertical="center"/>
    </xf>
    <xf numFmtId="0" fontId="8" fillId="0" borderId="81" xfId="2" applyFont="1" applyBorder="1" applyAlignment="1">
      <alignment horizontal="center" vertical="center"/>
    </xf>
    <xf numFmtId="178" fontId="8" fillId="0" borderId="82" xfId="2" applyNumberFormat="1" applyFont="1" applyBorder="1" applyAlignment="1">
      <alignment horizontal="center" vertical="center"/>
    </xf>
    <xf numFmtId="0" fontId="8" fillId="0" borderId="83" xfId="2" applyFont="1" applyBorder="1" applyAlignment="1">
      <alignment horizontal="center" vertical="center"/>
    </xf>
    <xf numFmtId="176" fontId="8" fillId="0" borderId="84" xfId="3" quotePrefix="1" applyNumberFormat="1" applyFont="1" applyBorder="1" applyAlignment="1">
      <alignment horizontal="center" vertical="center"/>
    </xf>
    <xf numFmtId="176" fontId="8" fillId="0" borderId="82" xfId="3" quotePrefix="1" applyNumberFormat="1" applyFont="1" applyBorder="1" applyAlignment="1">
      <alignment horizontal="center" vertical="center"/>
    </xf>
    <xf numFmtId="176" fontId="8" fillId="0" borderId="85" xfId="3" quotePrefix="1" applyNumberFormat="1" applyFont="1" applyBorder="1" applyAlignment="1">
      <alignment horizontal="center" vertical="center"/>
    </xf>
    <xf numFmtId="176" fontId="8" fillId="0" borderId="81" xfId="3" quotePrefix="1" applyNumberFormat="1" applyFont="1" applyBorder="1" applyAlignment="1">
      <alignment horizontal="center" vertical="center"/>
    </xf>
    <xf numFmtId="176" fontId="8" fillId="0" borderId="86" xfId="3" quotePrefix="1" applyNumberFormat="1" applyFont="1" applyBorder="1" applyAlignment="1">
      <alignment horizontal="center" vertical="center"/>
    </xf>
    <xf numFmtId="176" fontId="8" fillId="0" borderId="87" xfId="3" quotePrefix="1" applyNumberFormat="1" applyFont="1" applyBorder="1" applyAlignment="1">
      <alignment horizontal="center" vertical="center"/>
    </xf>
    <xf numFmtId="176" fontId="8" fillId="0" borderId="88" xfId="3" quotePrefix="1" applyNumberFormat="1" applyFont="1" applyBorder="1" applyAlignment="1">
      <alignment horizontal="center" vertical="center"/>
    </xf>
    <xf numFmtId="176" fontId="8" fillId="0" borderId="89" xfId="3" quotePrefix="1" applyNumberFormat="1" applyFont="1" applyBorder="1" applyAlignment="1">
      <alignment horizontal="center" vertical="center"/>
    </xf>
    <xf numFmtId="176" fontId="8" fillId="0" borderId="89" xfId="2" applyNumberFormat="1" applyFont="1" applyBorder="1" applyAlignment="1">
      <alignment horizontal="center" vertical="center"/>
    </xf>
    <xf numFmtId="176" fontId="7" fillId="0" borderId="87" xfId="0" applyNumberFormat="1" applyFont="1" applyFill="1" applyBorder="1" applyAlignment="1">
      <alignment horizontal="center" vertical="center"/>
    </xf>
    <xf numFmtId="176" fontId="7" fillId="0" borderId="83" xfId="0" applyNumberFormat="1" applyFont="1" applyFill="1" applyBorder="1" applyAlignment="1">
      <alignment horizontal="center" vertical="center"/>
    </xf>
  </cellXfs>
  <cellStyles count="13">
    <cellStyle name="Calc Currency (0)" xfId="4" xr:uid="{00000000-0005-0000-0000-000000000000}"/>
    <cellStyle name="entry" xfId="5" xr:uid="{00000000-0005-0000-0000-000001000000}"/>
    <cellStyle name="Header1" xfId="6" xr:uid="{00000000-0005-0000-0000-000002000000}"/>
    <cellStyle name="Header2" xfId="7" xr:uid="{00000000-0005-0000-0000-000003000000}"/>
    <cellStyle name="Normal_#18-Internet" xfId="8" xr:uid="{00000000-0005-0000-0000-000004000000}"/>
    <cellStyle name="price" xfId="9" xr:uid="{00000000-0005-0000-0000-000005000000}"/>
    <cellStyle name="revised" xfId="10" xr:uid="{00000000-0005-0000-0000-000006000000}"/>
    <cellStyle name="section" xfId="11" xr:uid="{00000000-0005-0000-0000-000007000000}"/>
    <cellStyle name="title" xfId="12" xr:uid="{00000000-0005-0000-0000-000008000000}"/>
    <cellStyle name="標準" xfId="0" builtinId="0"/>
    <cellStyle name="標準 2" xfId="2" xr:uid="{00000000-0005-0000-0000-00000A000000}"/>
    <cellStyle name="標準_suii" xfId="3" xr:uid="{00000000-0005-0000-0000-00000B000000}"/>
    <cellStyle name="標準_表10-12改" xfId="1" xr:uid="{00000000-0005-0000-0000-00000C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K44"/>
  <sheetViews>
    <sheetView tabSelected="1" zoomScaleNormal="100" zoomScaleSheetLayoutView="90" workbookViewId="0"/>
  </sheetViews>
  <sheetFormatPr defaultColWidth="9" defaultRowHeight="14.4"/>
  <cols>
    <col min="1" max="1" width="9.59765625" customWidth="1"/>
    <col min="2" max="2" width="4.3984375" customWidth="1"/>
    <col min="3" max="3" width="3.59765625" customWidth="1"/>
    <col min="4" max="4" width="9.59765625" bestFit="1" customWidth="1"/>
    <col min="5" max="6" width="7.59765625" customWidth="1"/>
    <col min="7" max="12" width="9.59765625" bestFit="1" customWidth="1"/>
    <col min="13" max="13" width="9.09765625" bestFit="1" customWidth="1"/>
    <col min="14" max="19" width="9.59765625" bestFit="1" customWidth="1"/>
    <col min="20" max="20" width="10.19921875" bestFit="1" customWidth="1"/>
    <col min="21" max="23" width="9.59765625" bestFit="1" customWidth="1"/>
    <col min="24" max="25" width="8" bestFit="1" customWidth="1"/>
    <col min="26" max="89" width="8.796875" customWidth="1"/>
    <col min="90" max="16384" width="9" style="1"/>
  </cols>
  <sheetData>
    <row r="1" spans="1:25" ht="25.2" customHeight="1">
      <c r="A1" s="16" t="s">
        <v>15</v>
      </c>
      <c r="B1" s="15"/>
      <c r="C1" s="14"/>
      <c r="D1" s="14"/>
      <c r="E1" s="14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12" t="s">
        <v>7</v>
      </c>
      <c r="S1" s="12"/>
      <c r="T1" s="12"/>
      <c r="U1" s="11"/>
      <c r="V1" s="9"/>
      <c r="W1" s="10"/>
      <c r="X1" s="9"/>
      <c r="Y1" s="8"/>
    </row>
    <row r="2" spans="1:25" ht="25.2" customHeight="1">
      <c r="A2" s="13"/>
      <c r="B2" s="8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12"/>
      <c r="S2" s="12"/>
      <c r="T2" s="12"/>
      <c r="U2" s="11"/>
      <c r="V2" s="9"/>
      <c r="W2" s="10"/>
      <c r="X2" s="9"/>
      <c r="Y2" s="8"/>
    </row>
    <row r="3" spans="1:25" ht="25.2" customHeight="1" thickBot="1">
      <c r="A3" s="7" t="s">
        <v>6</v>
      </c>
      <c r="B3" s="15"/>
      <c r="C3" s="15"/>
      <c r="D3" s="15"/>
      <c r="E3" s="15"/>
      <c r="F3" s="15"/>
      <c r="G3" s="15"/>
      <c r="H3" s="15"/>
      <c r="I3" s="15"/>
      <c r="J3" s="15"/>
      <c r="K3" s="15"/>
      <c r="L3" s="15"/>
      <c r="M3" s="15"/>
      <c r="N3" s="15"/>
      <c r="O3" s="15"/>
      <c r="P3" s="15"/>
      <c r="Q3" s="15"/>
      <c r="R3" s="15"/>
      <c r="S3" s="15"/>
      <c r="T3" s="15"/>
      <c r="U3" s="15"/>
      <c r="V3" s="15"/>
      <c r="W3" s="15"/>
      <c r="X3" s="15"/>
      <c r="Y3" s="30" t="s">
        <v>16</v>
      </c>
    </row>
    <row r="4" spans="1:25" ht="31.5" customHeight="1">
      <c r="A4" s="105" t="s">
        <v>9</v>
      </c>
      <c r="B4" s="106"/>
      <c r="C4" s="107"/>
      <c r="D4" s="114" t="s">
        <v>1</v>
      </c>
      <c r="E4" s="98" t="s">
        <v>18</v>
      </c>
      <c r="F4" s="117" t="s">
        <v>19</v>
      </c>
      <c r="G4" s="114" t="s">
        <v>2</v>
      </c>
      <c r="H4" s="120" t="s">
        <v>0</v>
      </c>
      <c r="I4" s="98" t="s">
        <v>20</v>
      </c>
      <c r="J4" s="98" t="s">
        <v>21</v>
      </c>
      <c r="K4" s="98" t="s">
        <v>22</v>
      </c>
      <c r="L4" s="98" t="s">
        <v>23</v>
      </c>
      <c r="M4" s="98" t="s">
        <v>24</v>
      </c>
      <c r="N4" s="120" t="s">
        <v>4</v>
      </c>
      <c r="O4" s="98" t="s">
        <v>25</v>
      </c>
      <c r="P4" s="131" t="s">
        <v>3</v>
      </c>
      <c r="Q4" s="101" t="s">
        <v>8</v>
      </c>
      <c r="R4" s="102"/>
      <c r="S4" s="94" t="s">
        <v>12</v>
      </c>
      <c r="T4" s="96" t="s">
        <v>26</v>
      </c>
      <c r="U4" s="101" t="s">
        <v>27</v>
      </c>
      <c r="V4" s="123"/>
      <c r="W4" s="6" t="s">
        <v>5</v>
      </c>
      <c r="X4" s="5"/>
      <c r="Y4" s="4"/>
    </row>
    <row r="5" spans="1:25" ht="31.5" customHeight="1">
      <c r="A5" s="108"/>
      <c r="B5" s="109"/>
      <c r="C5" s="110"/>
      <c r="D5" s="115"/>
      <c r="E5" s="99"/>
      <c r="F5" s="118"/>
      <c r="G5" s="115"/>
      <c r="H5" s="121"/>
      <c r="I5" s="99"/>
      <c r="J5" s="99"/>
      <c r="K5" s="99"/>
      <c r="L5" s="99"/>
      <c r="M5" s="99"/>
      <c r="N5" s="121"/>
      <c r="O5" s="99"/>
      <c r="P5" s="132"/>
      <c r="Q5" s="103"/>
      <c r="R5" s="104"/>
      <c r="S5" s="95"/>
      <c r="T5" s="97"/>
      <c r="U5" s="103"/>
      <c r="V5" s="124"/>
      <c r="W5" s="125" t="s">
        <v>1</v>
      </c>
      <c r="X5" s="127" t="s">
        <v>28</v>
      </c>
      <c r="Y5" s="129" t="s">
        <v>29</v>
      </c>
    </row>
    <row r="6" spans="1:25" ht="31.5" customHeight="1" thickBot="1">
      <c r="A6" s="111"/>
      <c r="B6" s="112"/>
      <c r="C6" s="113"/>
      <c r="D6" s="116"/>
      <c r="E6" s="100"/>
      <c r="F6" s="119"/>
      <c r="G6" s="116"/>
      <c r="H6" s="122"/>
      <c r="I6" s="100"/>
      <c r="J6" s="100"/>
      <c r="K6" s="100"/>
      <c r="L6" s="99"/>
      <c r="M6" s="100"/>
      <c r="N6" s="122"/>
      <c r="O6" s="100"/>
      <c r="P6" s="133"/>
      <c r="Q6" s="49" t="s">
        <v>1</v>
      </c>
      <c r="R6" s="48" t="s">
        <v>2</v>
      </c>
      <c r="S6" s="3" t="s">
        <v>13</v>
      </c>
      <c r="T6" s="31" t="s">
        <v>30</v>
      </c>
      <c r="U6" s="3" t="s">
        <v>1</v>
      </c>
      <c r="V6" s="48" t="s">
        <v>0</v>
      </c>
      <c r="W6" s="126"/>
      <c r="X6" s="128"/>
      <c r="Y6" s="130"/>
    </row>
    <row r="7" spans="1:25" ht="25.2" customHeight="1" thickBot="1">
      <c r="A7" s="17" t="s">
        <v>31</v>
      </c>
      <c r="B7" s="92" t="s">
        <v>11</v>
      </c>
      <c r="C7" s="93"/>
      <c r="D7" s="18">
        <v>110.3</v>
      </c>
      <c r="E7" s="19" t="s">
        <v>17</v>
      </c>
      <c r="F7" s="20">
        <v>2.8</v>
      </c>
      <c r="G7" s="21">
        <v>123.3</v>
      </c>
      <c r="H7" s="22">
        <v>101.6</v>
      </c>
      <c r="I7" s="23">
        <v>116.3</v>
      </c>
      <c r="J7" s="19">
        <v>116.7</v>
      </c>
      <c r="K7" s="24">
        <v>109</v>
      </c>
      <c r="L7" s="19">
        <v>104.6</v>
      </c>
      <c r="M7" s="23">
        <v>98.1</v>
      </c>
      <c r="N7" s="23">
        <v>100.3</v>
      </c>
      <c r="O7" s="23">
        <v>120.2</v>
      </c>
      <c r="P7" s="23">
        <v>106.1</v>
      </c>
      <c r="Q7" s="25">
        <v>109.8</v>
      </c>
      <c r="R7" s="23">
        <v>123.1</v>
      </c>
      <c r="S7" s="26">
        <v>109</v>
      </c>
      <c r="T7" s="27">
        <v>104.8</v>
      </c>
      <c r="U7" s="28">
        <v>112.7</v>
      </c>
      <c r="V7" s="22">
        <v>104.8</v>
      </c>
      <c r="W7" s="28">
        <v>111.9</v>
      </c>
      <c r="X7" s="22" t="s">
        <v>17</v>
      </c>
      <c r="Y7" s="29">
        <v>3.2</v>
      </c>
    </row>
    <row r="8" spans="1:25" ht="24.75" customHeight="1">
      <c r="A8" s="37" t="s">
        <v>33</v>
      </c>
      <c r="B8" s="38">
        <v>5</v>
      </c>
      <c r="C8" s="39" t="s">
        <v>10</v>
      </c>
      <c r="D8" s="33">
        <v>109.9</v>
      </c>
      <c r="E8" s="34">
        <v>0.1</v>
      </c>
      <c r="F8" s="40">
        <v>2.9</v>
      </c>
      <c r="G8" s="53">
        <v>121.3</v>
      </c>
      <c r="H8" s="34">
        <v>101.5</v>
      </c>
      <c r="I8" s="34">
        <v>120.7</v>
      </c>
      <c r="J8" s="34">
        <v>115.6</v>
      </c>
      <c r="K8" s="34">
        <v>110.3</v>
      </c>
      <c r="L8" s="34">
        <v>104.6</v>
      </c>
      <c r="M8" s="34">
        <v>97.5</v>
      </c>
      <c r="N8" s="34">
        <v>99.6</v>
      </c>
      <c r="O8" s="34">
        <v>120.4</v>
      </c>
      <c r="P8" s="35">
        <v>106.1</v>
      </c>
      <c r="Q8" s="54">
        <v>109.7</v>
      </c>
      <c r="R8" s="34">
        <v>122.2</v>
      </c>
      <c r="S8" s="34">
        <v>108.6</v>
      </c>
      <c r="T8" s="35">
        <v>104.6</v>
      </c>
      <c r="U8" s="54">
        <v>112.2</v>
      </c>
      <c r="V8" s="35">
        <v>104.1</v>
      </c>
      <c r="W8" s="55">
        <v>111.8</v>
      </c>
      <c r="X8" s="36">
        <v>0.3</v>
      </c>
      <c r="Y8" s="56">
        <v>3.5</v>
      </c>
    </row>
    <row r="9" spans="1:25" ht="24.75" customHeight="1">
      <c r="A9" s="37"/>
      <c r="B9" s="38">
        <v>6</v>
      </c>
      <c r="C9" s="39" t="s">
        <v>10</v>
      </c>
      <c r="D9" s="33">
        <v>110.3</v>
      </c>
      <c r="E9" s="34">
        <v>0.3</v>
      </c>
      <c r="F9" s="40">
        <v>3.2</v>
      </c>
      <c r="G9" s="53">
        <v>122.7</v>
      </c>
      <c r="H9" s="34">
        <v>101.6</v>
      </c>
      <c r="I9" s="34">
        <v>120.6</v>
      </c>
      <c r="J9" s="34">
        <v>117.7</v>
      </c>
      <c r="K9" s="34">
        <v>109.9</v>
      </c>
      <c r="L9" s="34">
        <v>104.9</v>
      </c>
      <c r="M9" s="34">
        <v>98</v>
      </c>
      <c r="N9" s="34">
        <v>99.4</v>
      </c>
      <c r="O9" s="34">
        <v>118.7</v>
      </c>
      <c r="P9" s="35">
        <v>106.1</v>
      </c>
      <c r="Q9" s="54">
        <v>110</v>
      </c>
      <c r="R9" s="34">
        <v>123.9</v>
      </c>
      <c r="S9" s="34">
        <v>109.1</v>
      </c>
      <c r="T9" s="35">
        <v>104.6</v>
      </c>
      <c r="U9" s="54">
        <v>112.6</v>
      </c>
      <c r="V9" s="35">
        <v>104.1</v>
      </c>
      <c r="W9" s="55">
        <v>111.7</v>
      </c>
      <c r="X9" s="36">
        <v>-0.1</v>
      </c>
      <c r="Y9" s="56">
        <v>3.3</v>
      </c>
    </row>
    <row r="10" spans="1:25" ht="24.75" customHeight="1">
      <c r="A10" s="37"/>
      <c r="B10" s="38">
        <v>7</v>
      </c>
      <c r="C10" s="39" t="s">
        <v>10</v>
      </c>
      <c r="D10" s="33">
        <v>110.4</v>
      </c>
      <c r="E10" s="34">
        <v>0.2</v>
      </c>
      <c r="F10" s="40">
        <v>3</v>
      </c>
      <c r="G10" s="53">
        <v>122.7</v>
      </c>
      <c r="H10" s="34">
        <v>101.6</v>
      </c>
      <c r="I10" s="34">
        <v>119.2</v>
      </c>
      <c r="J10" s="34">
        <v>118.8</v>
      </c>
      <c r="K10" s="34">
        <v>108.7</v>
      </c>
      <c r="L10" s="34">
        <v>104.7</v>
      </c>
      <c r="M10" s="34">
        <v>98.4</v>
      </c>
      <c r="N10" s="34">
        <v>99.4</v>
      </c>
      <c r="O10" s="34">
        <v>120.6</v>
      </c>
      <c r="P10" s="35">
        <v>106.6</v>
      </c>
      <c r="Q10" s="54">
        <v>110.2</v>
      </c>
      <c r="R10" s="34">
        <v>123.9</v>
      </c>
      <c r="S10" s="34">
        <v>109.3</v>
      </c>
      <c r="T10" s="35">
        <v>105</v>
      </c>
      <c r="U10" s="54">
        <v>112.8</v>
      </c>
      <c r="V10" s="35">
        <v>104.2</v>
      </c>
      <c r="W10" s="55">
        <v>111.9</v>
      </c>
      <c r="X10" s="36">
        <v>0.2</v>
      </c>
      <c r="Y10" s="56">
        <v>3.1</v>
      </c>
    </row>
    <row r="11" spans="1:25" ht="24.75" customHeight="1">
      <c r="A11" s="37"/>
      <c r="B11" s="38">
        <v>8</v>
      </c>
      <c r="C11" s="39" t="s">
        <v>10</v>
      </c>
      <c r="D11" s="33">
        <v>110.6</v>
      </c>
      <c r="E11" s="34">
        <v>0.2</v>
      </c>
      <c r="F11" s="40">
        <v>2.7</v>
      </c>
      <c r="G11" s="53">
        <v>123.4</v>
      </c>
      <c r="H11" s="34">
        <v>101.9</v>
      </c>
      <c r="I11" s="34">
        <v>113.6</v>
      </c>
      <c r="J11" s="34">
        <v>117.5</v>
      </c>
      <c r="K11" s="34">
        <v>107.9</v>
      </c>
      <c r="L11" s="34">
        <v>104.7</v>
      </c>
      <c r="M11" s="34">
        <v>98.9</v>
      </c>
      <c r="N11" s="34">
        <v>99.4</v>
      </c>
      <c r="O11" s="34">
        <v>123.8</v>
      </c>
      <c r="P11" s="35">
        <v>106.7</v>
      </c>
      <c r="Q11" s="54">
        <v>110.4</v>
      </c>
      <c r="R11" s="34">
        <v>124.5</v>
      </c>
      <c r="S11" s="34">
        <v>109.9</v>
      </c>
      <c r="T11" s="35">
        <v>105.4</v>
      </c>
      <c r="U11" s="54">
        <v>113.1</v>
      </c>
      <c r="V11" s="35">
        <v>105.4</v>
      </c>
      <c r="W11" s="55">
        <v>112.1</v>
      </c>
      <c r="X11" s="36">
        <v>0.2</v>
      </c>
      <c r="Y11" s="56">
        <v>2.7</v>
      </c>
    </row>
    <row r="12" spans="1:25" ht="24.75" customHeight="1">
      <c r="A12" s="37"/>
      <c r="B12" s="38">
        <v>9</v>
      </c>
      <c r="C12" s="39" t="s">
        <v>10</v>
      </c>
      <c r="D12" s="33">
        <v>110.3</v>
      </c>
      <c r="E12" s="34">
        <v>-0.3</v>
      </c>
      <c r="F12" s="40">
        <v>2.6</v>
      </c>
      <c r="G12" s="53">
        <v>124.1</v>
      </c>
      <c r="H12" s="34">
        <v>101.9</v>
      </c>
      <c r="I12" s="34">
        <v>111.9</v>
      </c>
      <c r="J12" s="34">
        <v>116.1</v>
      </c>
      <c r="K12" s="34">
        <v>109.4</v>
      </c>
      <c r="L12" s="34">
        <v>104.9</v>
      </c>
      <c r="M12" s="34">
        <v>98.5</v>
      </c>
      <c r="N12" s="34">
        <v>99.4</v>
      </c>
      <c r="O12" s="34">
        <v>119.8</v>
      </c>
      <c r="P12" s="35">
        <v>106.2</v>
      </c>
      <c r="Q12" s="54">
        <v>109.8</v>
      </c>
      <c r="R12" s="34">
        <v>124.4</v>
      </c>
      <c r="S12" s="34">
        <v>109.4</v>
      </c>
      <c r="T12" s="35">
        <v>104.9</v>
      </c>
      <c r="U12" s="54">
        <v>112.6</v>
      </c>
      <c r="V12" s="35">
        <v>105.4</v>
      </c>
      <c r="W12" s="55">
        <v>112</v>
      </c>
      <c r="X12" s="36">
        <v>-0.1</v>
      </c>
      <c r="Y12" s="56">
        <v>2.9</v>
      </c>
    </row>
    <row r="13" spans="1:25" ht="24.75" customHeight="1">
      <c r="A13" s="37"/>
      <c r="B13" s="38">
        <v>10</v>
      </c>
      <c r="C13" s="39" t="s">
        <v>10</v>
      </c>
      <c r="D13" s="33">
        <v>111.2</v>
      </c>
      <c r="E13" s="34">
        <v>0.8</v>
      </c>
      <c r="F13" s="40">
        <v>2.7</v>
      </c>
      <c r="G13" s="53">
        <v>125.7</v>
      </c>
      <c r="H13" s="34">
        <v>102.1</v>
      </c>
      <c r="I13" s="34">
        <v>112.5</v>
      </c>
      <c r="J13" s="34">
        <v>119.6</v>
      </c>
      <c r="K13" s="34">
        <v>109.4</v>
      </c>
      <c r="L13" s="34">
        <v>104.8</v>
      </c>
      <c r="M13" s="34">
        <v>99.1</v>
      </c>
      <c r="N13" s="34">
        <v>99.4</v>
      </c>
      <c r="O13" s="34">
        <v>121.9</v>
      </c>
      <c r="P13" s="35">
        <v>106.6</v>
      </c>
      <c r="Q13" s="54">
        <v>110.6</v>
      </c>
      <c r="R13" s="34">
        <v>125.7</v>
      </c>
      <c r="S13" s="34">
        <v>110.2</v>
      </c>
      <c r="T13" s="35">
        <v>105.5</v>
      </c>
      <c r="U13" s="54">
        <v>113.8</v>
      </c>
      <c r="V13" s="35">
        <v>106.4</v>
      </c>
      <c r="W13" s="55">
        <v>112.8</v>
      </c>
      <c r="X13" s="36">
        <v>0.7</v>
      </c>
      <c r="Y13" s="56">
        <v>3</v>
      </c>
    </row>
    <row r="14" spans="1:25" ht="24.75" customHeight="1">
      <c r="A14" s="37"/>
      <c r="B14" s="38">
        <v>11</v>
      </c>
      <c r="C14" s="39" t="s">
        <v>10</v>
      </c>
      <c r="D14" s="33">
        <v>111.5</v>
      </c>
      <c r="E14" s="34">
        <v>0.3</v>
      </c>
      <c r="F14" s="40">
        <v>2.6</v>
      </c>
      <c r="G14" s="53">
        <v>126.1</v>
      </c>
      <c r="H14" s="34">
        <v>102.2</v>
      </c>
      <c r="I14" s="34">
        <v>116.9</v>
      </c>
      <c r="J14" s="34">
        <v>118.6</v>
      </c>
      <c r="K14" s="34">
        <v>109.8</v>
      </c>
      <c r="L14" s="34">
        <v>104.5</v>
      </c>
      <c r="M14" s="34">
        <v>99.1</v>
      </c>
      <c r="N14" s="34">
        <v>99.4</v>
      </c>
      <c r="O14" s="34">
        <v>121.4</v>
      </c>
      <c r="P14" s="35">
        <v>106.8</v>
      </c>
      <c r="Q14" s="54">
        <v>111</v>
      </c>
      <c r="R14" s="34">
        <v>126.4</v>
      </c>
      <c r="S14" s="34">
        <v>110.3</v>
      </c>
      <c r="T14" s="35">
        <v>105.5</v>
      </c>
      <c r="U14" s="54">
        <v>114.1</v>
      </c>
      <c r="V14" s="35">
        <v>106.5</v>
      </c>
      <c r="W14" s="55">
        <v>113.2</v>
      </c>
      <c r="X14" s="36">
        <v>0.3</v>
      </c>
      <c r="Y14" s="56">
        <v>2.9</v>
      </c>
    </row>
    <row r="15" spans="1:25" ht="24.75" customHeight="1" thickBot="1">
      <c r="A15" s="41"/>
      <c r="B15" s="42">
        <v>12</v>
      </c>
      <c r="C15" s="43" t="s">
        <v>10</v>
      </c>
      <c r="D15" s="44">
        <v>111.4</v>
      </c>
      <c r="E15" s="26">
        <v>-0.1</v>
      </c>
      <c r="F15" s="45">
        <v>2</v>
      </c>
      <c r="G15" s="24">
        <v>126.2</v>
      </c>
      <c r="H15" s="26">
        <v>102.3</v>
      </c>
      <c r="I15" s="26">
        <v>116.7</v>
      </c>
      <c r="J15" s="26">
        <v>117.4</v>
      </c>
      <c r="K15" s="26">
        <v>108.6</v>
      </c>
      <c r="L15" s="26">
        <v>103.6</v>
      </c>
      <c r="M15" s="26">
        <v>98.5</v>
      </c>
      <c r="N15" s="26">
        <v>99.4</v>
      </c>
      <c r="O15" s="26">
        <v>122.2</v>
      </c>
      <c r="P15" s="46">
        <v>106.5</v>
      </c>
      <c r="Q15" s="50">
        <v>110.7</v>
      </c>
      <c r="R15" s="26">
        <v>125.7</v>
      </c>
      <c r="S15" s="26">
        <v>110.1</v>
      </c>
      <c r="T15" s="46">
        <v>105.4</v>
      </c>
      <c r="U15" s="50">
        <v>114</v>
      </c>
      <c r="V15" s="46">
        <v>106.6</v>
      </c>
      <c r="W15" s="51">
        <v>113</v>
      </c>
      <c r="X15" s="47">
        <v>-0.2</v>
      </c>
      <c r="Y15" s="52">
        <v>2.1</v>
      </c>
    </row>
    <row r="16" spans="1:25" ht="24.75" customHeight="1">
      <c r="A16" s="57" t="s">
        <v>32</v>
      </c>
      <c r="B16" s="58">
        <v>1</v>
      </c>
      <c r="C16" s="59" t="s">
        <v>10</v>
      </c>
      <c r="D16" s="60">
        <v>111.4</v>
      </c>
      <c r="E16" s="61">
        <v>0</v>
      </c>
      <c r="F16" s="62">
        <v>1.8</v>
      </c>
      <c r="G16" s="63">
        <v>127.5</v>
      </c>
      <c r="H16" s="64">
        <v>102.3</v>
      </c>
      <c r="I16" s="65">
        <v>116.5</v>
      </c>
      <c r="J16" s="61">
        <v>116.4</v>
      </c>
      <c r="K16" s="64">
        <v>108.1</v>
      </c>
      <c r="L16" s="64">
        <v>103.1</v>
      </c>
      <c r="M16" s="64">
        <v>98.4</v>
      </c>
      <c r="N16" s="64">
        <v>99.4</v>
      </c>
      <c r="O16" s="64">
        <v>119.4</v>
      </c>
      <c r="P16" s="66">
        <v>107.1</v>
      </c>
      <c r="Q16" s="67">
        <v>110.5</v>
      </c>
      <c r="R16" s="64">
        <v>126.4</v>
      </c>
      <c r="S16" s="64">
        <v>110</v>
      </c>
      <c r="T16" s="66">
        <v>105</v>
      </c>
      <c r="U16" s="67">
        <v>114</v>
      </c>
      <c r="V16" s="66">
        <v>106.7</v>
      </c>
      <c r="W16" s="68">
        <v>112.9</v>
      </c>
      <c r="X16" s="69">
        <v>-0.1</v>
      </c>
      <c r="Y16" s="70">
        <v>1.5</v>
      </c>
    </row>
    <row r="17" spans="1:25" s="85" customFormat="1" ht="24.75" customHeight="1">
      <c r="A17" s="71"/>
      <c r="B17" s="72">
        <v>2</v>
      </c>
      <c r="C17" s="73" t="s">
        <v>10</v>
      </c>
      <c r="D17" s="74">
        <v>110.6</v>
      </c>
      <c r="E17" s="75">
        <v>-0.7</v>
      </c>
      <c r="F17" s="76">
        <v>1.4</v>
      </c>
      <c r="G17" s="77">
        <v>126.5</v>
      </c>
      <c r="H17" s="78">
        <v>102.3</v>
      </c>
      <c r="I17" s="79">
        <v>106.2</v>
      </c>
      <c r="J17" s="75">
        <v>117.3</v>
      </c>
      <c r="K17" s="78">
        <v>107.1</v>
      </c>
      <c r="L17" s="78">
        <v>103.7</v>
      </c>
      <c r="M17" s="78">
        <v>98.5</v>
      </c>
      <c r="N17" s="78">
        <v>99.7</v>
      </c>
      <c r="O17" s="78">
        <v>120</v>
      </c>
      <c r="P17" s="80">
        <v>106.7</v>
      </c>
      <c r="Q17" s="81">
        <v>110</v>
      </c>
      <c r="R17" s="78">
        <v>126.2</v>
      </c>
      <c r="S17" s="78">
        <v>110</v>
      </c>
      <c r="T17" s="80">
        <v>105.1</v>
      </c>
      <c r="U17" s="81">
        <v>113</v>
      </c>
      <c r="V17" s="80">
        <v>106.8</v>
      </c>
      <c r="W17" s="82">
        <v>112.2</v>
      </c>
      <c r="X17" s="83">
        <v>-0.6</v>
      </c>
      <c r="Y17" s="84">
        <v>1.3</v>
      </c>
    </row>
    <row r="18" spans="1:25" ht="24.75" customHeight="1">
      <c r="A18" s="37"/>
      <c r="B18" s="38">
        <v>3</v>
      </c>
      <c r="C18" s="39" t="s">
        <v>10</v>
      </c>
      <c r="D18" s="33">
        <v>110.8</v>
      </c>
      <c r="E18" s="86">
        <v>0.1</v>
      </c>
      <c r="F18" s="40">
        <v>1.2</v>
      </c>
      <c r="G18" s="87">
        <v>125.7</v>
      </c>
      <c r="H18" s="35">
        <v>102.5</v>
      </c>
      <c r="I18" s="34">
        <v>105.3</v>
      </c>
      <c r="J18" s="86">
        <v>119</v>
      </c>
      <c r="K18" s="35">
        <v>109</v>
      </c>
      <c r="L18" s="35">
        <v>103.7</v>
      </c>
      <c r="M18" s="35">
        <v>99.3</v>
      </c>
      <c r="N18" s="35">
        <v>99.9</v>
      </c>
      <c r="O18" s="35">
        <v>121.3</v>
      </c>
      <c r="P18" s="88">
        <v>106.8</v>
      </c>
      <c r="Q18" s="89">
        <v>110.3</v>
      </c>
      <c r="R18" s="35">
        <v>126.2</v>
      </c>
      <c r="S18" s="35">
        <v>110.4</v>
      </c>
      <c r="T18" s="88">
        <v>105.6</v>
      </c>
      <c r="U18" s="89">
        <v>113.2</v>
      </c>
      <c r="V18" s="88">
        <v>106.9</v>
      </c>
      <c r="W18" s="90">
        <v>112.7</v>
      </c>
      <c r="X18" s="36">
        <v>0.4</v>
      </c>
      <c r="Y18" s="91">
        <v>1.5</v>
      </c>
    </row>
    <row r="19" spans="1:25" ht="24.75" customHeight="1">
      <c r="A19" s="134"/>
      <c r="B19" s="135">
        <v>4</v>
      </c>
      <c r="C19" s="136" t="s">
        <v>10</v>
      </c>
      <c r="D19" s="137">
        <v>111.4</v>
      </c>
      <c r="E19" s="138">
        <v>0.5</v>
      </c>
      <c r="F19" s="139">
        <v>1.4</v>
      </c>
      <c r="G19" s="140">
        <v>126.3</v>
      </c>
      <c r="H19" s="141">
        <v>102.5</v>
      </c>
      <c r="I19" s="142">
        <v>114.2</v>
      </c>
      <c r="J19" s="138">
        <v>120.5</v>
      </c>
      <c r="K19" s="141">
        <v>109.6</v>
      </c>
      <c r="L19" s="141">
        <v>103.3</v>
      </c>
      <c r="M19" s="141">
        <v>100.3</v>
      </c>
      <c r="N19" s="141">
        <v>91.6</v>
      </c>
      <c r="O19" s="141">
        <v>122.1</v>
      </c>
      <c r="P19" s="143">
        <v>107</v>
      </c>
      <c r="Q19" s="144">
        <v>110.9</v>
      </c>
      <c r="R19" s="141">
        <v>126.6</v>
      </c>
      <c r="S19" s="141">
        <v>110.4</v>
      </c>
      <c r="T19" s="143">
        <v>105.5</v>
      </c>
      <c r="U19" s="144">
        <v>113.9</v>
      </c>
      <c r="V19" s="143">
        <v>106.9</v>
      </c>
      <c r="W19" s="145">
        <v>113</v>
      </c>
      <c r="X19" s="146">
        <v>0.3</v>
      </c>
      <c r="Y19" s="147">
        <v>1.4</v>
      </c>
    </row>
    <row r="20" spans="1:25" ht="24.75" customHeight="1" thickBot="1">
      <c r="A20" s="148"/>
      <c r="B20" s="149">
        <v>5</v>
      </c>
      <c r="C20" s="150" t="s">
        <v>10</v>
      </c>
      <c r="D20" s="151">
        <v>111.9</v>
      </c>
      <c r="E20" s="152">
        <v>0.5</v>
      </c>
      <c r="F20" s="153">
        <v>1.8</v>
      </c>
      <c r="G20" s="154">
        <v>127</v>
      </c>
      <c r="H20" s="155">
        <v>102.7</v>
      </c>
      <c r="I20" s="156">
        <v>118.2</v>
      </c>
      <c r="J20" s="152">
        <v>121.1</v>
      </c>
      <c r="K20" s="155">
        <v>109.5</v>
      </c>
      <c r="L20" s="155">
        <v>103.3</v>
      </c>
      <c r="M20" s="155">
        <v>100.4</v>
      </c>
      <c r="N20" s="155">
        <v>91.6</v>
      </c>
      <c r="O20" s="155">
        <v>122.6</v>
      </c>
      <c r="P20" s="157">
        <v>107.4</v>
      </c>
      <c r="Q20" s="158">
        <v>111.5</v>
      </c>
      <c r="R20" s="155">
        <v>127.5</v>
      </c>
      <c r="S20" s="155">
        <v>110.7</v>
      </c>
      <c r="T20" s="157">
        <v>105.7</v>
      </c>
      <c r="U20" s="158">
        <v>114.6</v>
      </c>
      <c r="V20" s="157">
        <v>107.3</v>
      </c>
      <c r="W20" s="159">
        <v>113.5</v>
      </c>
      <c r="X20" s="160">
        <v>0.5</v>
      </c>
      <c r="Y20" s="161">
        <v>1.5</v>
      </c>
    </row>
    <row r="21" spans="1:25">
      <c r="A21" s="32" t="s">
        <v>14</v>
      </c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</row>
    <row r="22" spans="1:25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</row>
    <row r="23" spans="1:25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</row>
    <row r="24" spans="1:25">
      <c r="A24" s="1"/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</row>
    <row r="25" spans="1:2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</row>
    <row r="26" spans="1:25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</row>
    <row r="27" spans="1:25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</row>
    <row r="28" spans="1:25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</row>
    <row r="29" spans="1:25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</row>
    <row r="30" spans="1:25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5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5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</sheetData>
  <mergeCells count="22">
    <mergeCell ref="U4:V5"/>
    <mergeCell ref="W5:W6"/>
    <mergeCell ref="X5:X6"/>
    <mergeCell ref="Y5:Y6"/>
    <mergeCell ref="I4:I6"/>
    <mergeCell ref="J4:J6"/>
    <mergeCell ref="M4:M6"/>
    <mergeCell ref="N4:N6"/>
    <mergeCell ref="P4:P6"/>
    <mergeCell ref="B7:C7"/>
    <mergeCell ref="S4:S5"/>
    <mergeCell ref="T4:T5"/>
    <mergeCell ref="K4:K6"/>
    <mergeCell ref="L4:L6"/>
    <mergeCell ref="O4:O6"/>
    <mergeCell ref="Q4:R5"/>
    <mergeCell ref="A4:C6"/>
    <mergeCell ref="D4:D6"/>
    <mergeCell ref="E4:E6"/>
    <mergeCell ref="F4:F6"/>
    <mergeCell ref="G4:G6"/>
    <mergeCell ref="H4:H6"/>
  </mergeCells>
  <phoneticPr fontId="1"/>
  <pageMargins left="0.51" right="0.19685039370078741" top="0.51181102362204722" bottom="0.47244094488188981" header="0.31496062992125984" footer="0.31496062992125984"/>
  <pageSetup paperSize="9" scale="5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9-10T06:47:24Z</cp:lastPrinted>
  <dcterms:created xsi:type="dcterms:W3CDTF">2016-09-16T05:41:42Z</dcterms:created>
  <dcterms:modified xsi:type="dcterms:W3CDTF">2026-07-09T07:09:48Z</dcterms:modified>
</cp:coreProperties>
</file>